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1"/>
  </p:notesMasterIdLst>
  <p:handoutMasterIdLst>
    <p:handoutMasterId r:id="rId42"/>
  </p:handoutMasterIdLst>
  <p:sldIdLst>
    <p:sldId id="334" r:id="rId2"/>
    <p:sldId id="311" r:id="rId3"/>
    <p:sldId id="477" r:id="rId4"/>
    <p:sldId id="479" r:id="rId5"/>
    <p:sldId id="301" r:id="rId6"/>
    <p:sldId id="409" r:id="rId7"/>
    <p:sldId id="463" r:id="rId8"/>
    <p:sldId id="315" r:id="rId9"/>
    <p:sldId id="475" r:id="rId10"/>
    <p:sldId id="352" r:id="rId11"/>
    <p:sldId id="369" r:id="rId12"/>
    <p:sldId id="368" r:id="rId13"/>
    <p:sldId id="371" r:id="rId14"/>
    <p:sldId id="464" r:id="rId15"/>
    <p:sldId id="468" r:id="rId16"/>
    <p:sldId id="469" r:id="rId17"/>
    <p:sldId id="465" r:id="rId18"/>
    <p:sldId id="466" r:id="rId19"/>
    <p:sldId id="467" r:id="rId20"/>
    <p:sldId id="473" r:id="rId21"/>
    <p:sldId id="470" r:id="rId22"/>
    <p:sldId id="471" r:id="rId23"/>
    <p:sldId id="472" r:id="rId24"/>
    <p:sldId id="392" r:id="rId25"/>
    <p:sldId id="400" r:id="rId26"/>
    <p:sldId id="399" r:id="rId27"/>
    <p:sldId id="476" r:id="rId28"/>
    <p:sldId id="398" r:id="rId29"/>
    <p:sldId id="403" r:id="rId30"/>
    <p:sldId id="460" r:id="rId31"/>
    <p:sldId id="456" r:id="rId32"/>
    <p:sldId id="457" r:id="rId33"/>
    <p:sldId id="478" r:id="rId34"/>
    <p:sldId id="458" r:id="rId35"/>
    <p:sldId id="459" r:id="rId36"/>
    <p:sldId id="461" r:id="rId37"/>
    <p:sldId id="425" r:id="rId38"/>
    <p:sldId id="474" r:id="rId39"/>
    <p:sldId id="260" r:id="rId40"/>
  </p:sldIdLst>
  <p:sldSz cx="12188825" cy="6858000"/>
  <p:notesSz cx="7010400" cy="9296400"/>
  <p:embeddedFontLst>
    <p:embeddedFont>
      <p:font typeface="Calibri" panose="020F0502020204030204" pitchFamily="34" charset="0"/>
      <p:regular r:id="rId43"/>
      <p:bold r:id="rId44"/>
      <p:italic r:id="rId45"/>
      <p:boldItalic r:id="rId46"/>
    </p:embeddedFont>
    <p:embeddedFont>
      <p:font typeface="AU Passata" panose="020B0503030502030804" pitchFamily="34" charset="0"/>
      <p:regular r:id="rId47"/>
      <p:bold r:id="rId48"/>
    </p:embeddedFont>
    <p:embeddedFont>
      <p:font typeface="Georgia" panose="02040502050405020303" pitchFamily="18" charset="0"/>
      <p:regular r:id="rId49"/>
      <p:bold r:id="rId50"/>
      <p:italic r:id="rId51"/>
      <p:boldItalic r:id="rId52"/>
    </p:embeddedFont>
    <p:embeddedFont>
      <p:font typeface="AU Passata Light" panose="020B0303030902030804" pitchFamily="34" charset="0"/>
      <p:regular r:id="rId53"/>
      <p:bold r:id="rId54"/>
    </p:embeddedFont>
    <p:embeddedFont>
      <p:font typeface="AU Peto" panose="040C0B07020602020301" pitchFamily="82" charset="0"/>
      <p:regular r:id="rId55"/>
      <p:bold r:id="rId56"/>
    </p:embeddedFont>
    <p:embeddedFont>
      <p:font typeface="Wingdings 3" panose="05040102010807070707" pitchFamily="18" charset="2"/>
      <p:regular r:id="rId5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50490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125" d="100"/>
          <a:sy n="125" d="100"/>
        </p:scale>
        <p:origin x="367" y="5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handoutMaster" Target="handoutMasters/handoutMaster1.xml"/><Relationship Id="rId47" Type="http://schemas.openxmlformats.org/officeDocument/2006/relationships/font" Target="fonts/font5.fntdata"/><Relationship Id="rId50" Type="http://schemas.openxmlformats.org/officeDocument/2006/relationships/font" Target="fonts/font8.fntdata"/><Relationship Id="rId55" Type="http://schemas.openxmlformats.org/officeDocument/2006/relationships/font" Target="fonts/font13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notesMaster" Target="notesMasters/notesMaster1.xml"/><Relationship Id="rId54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font" Target="fonts/font3.fntdata"/><Relationship Id="rId53" Type="http://schemas.openxmlformats.org/officeDocument/2006/relationships/font" Target="fonts/font11.fntdata"/><Relationship Id="rId58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7.fntdata"/><Relationship Id="rId57" Type="http://schemas.openxmlformats.org/officeDocument/2006/relationships/font" Target="fonts/font15.fntdata"/><Relationship Id="rId61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2.fntdata"/><Relationship Id="rId52" Type="http://schemas.openxmlformats.org/officeDocument/2006/relationships/font" Target="fonts/font10.fntdata"/><Relationship Id="rId6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1.fntdata"/><Relationship Id="rId48" Type="http://schemas.openxmlformats.org/officeDocument/2006/relationships/font" Target="fonts/font6.fntdata"/><Relationship Id="rId56" Type="http://schemas.openxmlformats.org/officeDocument/2006/relationships/font" Target="fonts/font14.fntdata"/><Relationship Id="rId8" Type="http://schemas.openxmlformats.org/officeDocument/2006/relationships/slide" Target="slides/slide7.xml"/><Relationship Id="rId51" Type="http://schemas.openxmlformats.org/officeDocument/2006/relationships/font" Target="fonts/font9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4.fntdata"/><Relationship Id="rId59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 2019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4/11/2019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emf"/><Relationship Id="rId3" Type="http://schemas.openxmlformats.org/officeDocument/2006/relationships/image" Target="../media/image11.png"/><Relationship Id="rId7" Type="http://schemas.openxmlformats.org/officeDocument/2006/relationships/image" Target="../media/image15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6" Type="http://schemas.openxmlformats.org/officeDocument/2006/relationships/image" Target="../media/image14.emf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3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4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7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46.jpeg"/><Relationship Id="rId5" Type="http://schemas.openxmlformats.org/officeDocument/2006/relationships/image" Target="../media/image49.png"/><Relationship Id="rId4" Type="http://schemas.openxmlformats.org/officeDocument/2006/relationships/image" Target="../media/image4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4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44.png"/><Relationship Id="rId4" Type="http://schemas.openxmlformats.org/officeDocument/2006/relationships/image" Target="../media/image53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57.png"/><Relationship Id="rId5" Type="http://schemas.openxmlformats.org/officeDocument/2006/relationships/image" Target="../media/image56.png"/><Relationship Id="rId4" Type="http://schemas.openxmlformats.org/officeDocument/2006/relationships/image" Target="../media/image55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2.png"/><Relationship Id="rId3" Type="http://schemas.openxmlformats.org/officeDocument/2006/relationships/image" Target="../media/image58.png"/><Relationship Id="rId7" Type="http://schemas.openxmlformats.org/officeDocument/2006/relationships/image" Target="../media/image6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44.png"/><Relationship Id="rId9" Type="http://schemas.openxmlformats.org/officeDocument/2006/relationships/image" Target="../media/image63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65.png"/><Relationship Id="rId5" Type="http://schemas.openxmlformats.org/officeDocument/2006/relationships/image" Target="../media/image64.png"/><Relationship Id="rId4" Type="http://schemas.openxmlformats.org/officeDocument/2006/relationships/image" Target="../media/image6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6" Type="http://schemas.openxmlformats.org/officeDocument/2006/relationships/image" Target="../media/image67.png"/><Relationship Id="rId5" Type="http://schemas.openxmlformats.org/officeDocument/2006/relationships/image" Target="../media/image66.png"/><Relationship Id="rId4" Type="http://schemas.openxmlformats.org/officeDocument/2006/relationships/image" Target="../media/image6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69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6" Type="http://schemas.openxmlformats.org/officeDocument/2006/relationships/image" Target="../media/image73.jpeg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79.jpeg"/><Relationship Id="rId3" Type="http://schemas.openxmlformats.org/officeDocument/2006/relationships/image" Target="../media/image74.jpeg"/><Relationship Id="rId7" Type="http://schemas.openxmlformats.org/officeDocument/2006/relationships/image" Target="../media/image7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6" Type="http://schemas.openxmlformats.org/officeDocument/2006/relationships/image" Target="../media/image77.png"/><Relationship Id="rId5" Type="http://schemas.openxmlformats.org/officeDocument/2006/relationships/image" Target="../media/image76.png"/><Relationship Id="rId4" Type="http://schemas.openxmlformats.org/officeDocument/2006/relationships/image" Target="../media/image75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6" Type="http://schemas.openxmlformats.org/officeDocument/2006/relationships/image" Target="../media/image82.png"/><Relationship Id="rId5" Type="http://schemas.openxmlformats.org/officeDocument/2006/relationships/image" Target="../media/image81.png"/><Relationship Id="rId4" Type="http://schemas.openxmlformats.org/officeDocument/2006/relationships/image" Target="../media/image80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5" Type="http://schemas.openxmlformats.org/officeDocument/2006/relationships/image" Target="../media/image85.png"/><Relationship Id="rId4" Type="http://schemas.openxmlformats.org/officeDocument/2006/relationships/image" Target="../media/image84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png"/><Relationship Id="rId7" Type="http://schemas.openxmlformats.org/officeDocument/2006/relationships/image" Target="../media/image9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6" Type="http://schemas.openxmlformats.org/officeDocument/2006/relationships/image" Target="../media/image89.jpeg"/><Relationship Id="rId5" Type="http://schemas.openxmlformats.org/officeDocument/2006/relationships/image" Target="../media/image88.png"/><Relationship Id="rId4" Type="http://schemas.openxmlformats.org/officeDocument/2006/relationships/image" Target="../media/image8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94.png"/><Relationship Id="rId5" Type="http://schemas.openxmlformats.org/officeDocument/2006/relationships/image" Target="../media/image93.png"/><Relationship Id="rId4" Type="http://schemas.openxmlformats.org/officeDocument/2006/relationships/image" Target="../media/image92.png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0.png"/><Relationship Id="rId3" Type="http://schemas.openxmlformats.org/officeDocument/2006/relationships/image" Target="../media/image95.png"/><Relationship Id="rId7" Type="http://schemas.openxmlformats.org/officeDocument/2006/relationships/image" Target="../media/image9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98.png"/><Relationship Id="rId5" Type="http://schemas.openxmlformats.org/officeDocument/2006/relationships/image" Target="../media/image97.png"/><Relationship Id="rId10" Type="http://schemas.openxmlformats.org/officeDocument/2006/relationships/image" Target="../media/image102.png"/><Relationship Id="rId4" Type="http://schemas.openxmlformats.org/officeDocument/2006/relationships/image" Target="../media/image96.png"/><Relationship Id="rId9" Type="http://schemas.openxmlformats.org/officeDocument/2006/relationships/image" Target="../media/image101.jpe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5" Type="http://schemas.openxmlformats.org/officeDocument/2006/relationships/image" Target="../media/image105.png"/><Relationship Id="rId4" Type="http://schemas.openxmlformats.org/officeDocument/2006/relationships/image" Target="../media/image104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5" Type="http://schemas.openxmlformats.org/officeDocument/2006/relationships/image" Target="../media/image108.png"/><Relationship Id="rId4" Type="http://schemas.openxmlformats.org/officeDocument/2006/relationships/image" Target="../media/image107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6" Type="http://schemas.openxmlformats.org/officeDocument/2006/relationships/image" Target="../media/image112.png"/><Relationship Id="rId5" Type="http://schemas.openxmlformats.org/officeDocument/2006/relationships/image" Target="../media/image111.png"/><Relationship Id="rId4" Type="http://schemas.openxmlformats.org/officeDocument/2006/relationships/image" Target="../media/image110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Relationship Id="rId5" Type="http://schemas.openxmlformats.org/officeDocument/2006/relationships/image" Target="../media/image114.png"/><Relationship Id="rId4" Type="http://schemas.openxmlformats.org/officeDocument/2006/relationships/image" Target="../media/image113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Relationship Id="rId5" Type="http://schemas.openxmlformats.org/officeDocument/2006/relationships/image" Target="../media/image117.png"/><Relationship Id="rId4" Type="http://schemas.openxmlformats.org/officeDocument/2006/relationships/image" Target="../media/image116.jp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Relationship Id="rId5" Type="http://schemas.openxmlformats.org/officeDocument/2006/relationships/image" Target="../media/image120.png"/><Relationship Id="rId4" Type="http://schemas.openxmlformats.org/officeDocument/2006/relationships/image" Target="../media/image119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Relationship Id="rId4" Type="http://schemas.openxmlformats.org/officeDocument/2006/relationships/image" Target="../media/image122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7" Type="http://schemas.openxmlformats.org/officeDocument/2006/relationships/image" Target="../media/image30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9.emf"/><Relationship Id="rId5" Type="http://schemas.openxmlformats.org/officeDocument/2006/relationships/image" Target="../media/image28.emf"/><Relationship Id="rId4" Type="http://schemas.openxmlformats.org/officeDocument/2006/relationships/image" Target="../media/image27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9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3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Kobayashi </a:t>
            </a:r>
            <a:r>
              <a:rPr lang="en-GB" dirty="0" err="1" smtClean="0"/>
              <a:t>maru</a:t>
            </a:r>
            <a:r>
              <a:rPr lang="en-GB" dirty="0" smtClean="0"/>
              <a:t> RESULTS</a:t>
            </a:r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65836" y="2258870"/>
            <a:ext cx="3744416" cy="210623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1800" y="1196752"/>
            <a:ext cx="3384376" cy="2538282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917928" y="3789040"/>
            <a:ext cx="3334444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youtube.com/watch?v=v0JHDr1oT0Y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8418" y="4149080"/>
            <a:ext cx="3451140" cy="2074356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086300" y="4653136"/>
            <a:ext cx="5752623" cy="1183443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38228" y="1253651"/>
            <a:ext cx="7081447" cy="9660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05946" y="2403744"/>
            <a:ext cx="3272642" cy="194421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257350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LOW RING 0</a:t>
            </a:r>
          </a:p>
        </p:txBody>
      </p:sp>
      <p:pic>
        <p:nvPicPr>
          <p:cNvPr id="2050" name="Picture 2" descr="[x86 operating systems]">
            <a:extLst>
              <a:ext uri="{FF2B5EF4-FFF2-40B4-BE49-F238E27FC236}">
                <a16:creationId xmlns:a16="http://schemas.microsoft.com/office/drawing/2014/main" id="{084B101B-3260-430F-A226-63FE9F1F2C6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80" t="18868" r="4922"/>
          <a:stretch/>
        </p:blipFill>
        <p:spPr bwMode="auto">
          <a:xfrm>
            <a:off x="5466835" y="2492896"/>
            <a:ext cx="6264696" cy="3096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A67E86A-D762-43D1-9F5F-1A800968935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3446" y="1268760"/>
            <a:ext cx="4532894" cy="4464496"/>
          </a:xfrm>
          <a:prstGeom prst="rect">
            <a:avLst/>
          </a:prstGeom>
        </p:spPr>
      </p:pic>
      <p:cxnSp>
        <p:nvCxnSpPr>
          <p:cNvPr id="5" name="Straight Connector 4"/>
          <p:cNvCxnSpPr/>
          <p:nvPr/>
        </p:nvCxnSpPr>
        <p:spPr bwMode="auto">
          <a:xfrm>
            <a:off x="1197868" y="2780928"/>
            <a:ext cx="2376264" cy="0"/>
          </a:xfrm>
          <a:prstGeom prst="line">
            <a:avLst/>
          </a:prstGeom>
          <a:solidFill>
            <a:schemeClr val="accent2"/>
          </a:solidFill>
          <a:ln w="158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576209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SANDBOX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4042" y="1268760"/>
            <a:ext cx="8992520" cy="48520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05555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SANDBOX</a:t>
            </a: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8588" y="536793"/>
            <a:ext cx="3658692" cy="1829346"/>
          </a:xfrm>
        </p:spPr>
      </p:pic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 txBox="1">
            <a:spLocks/>
          </p:cNvSpPr>
          <p:nvPr/>
        </p:nvSpPr>
        <p:spPr bwMode="auto">
          <a:xfrm>
            <a:off x="981844" y="1124744"/>
            <a:ext cx="10220325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2800" kern="0" dirty="0" err="1"/>
              <a:t>Privilege</a:t>
            </a:r>
            <a:r>
              <a:rPr lang="da-DK" sz="2800" kern="0" dirty="0"/>
              <a:t> </a:t>
            </a:r>
            <a:r>
              <a:rPr lang="da-DK" sz="2800" kern="0" dirty="0" err="1"/>
              <a:t>escalation</a:t>
            </a:r>
            <a:endParaRPr lang="da-DK" sz="2800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3" y="1611386"/>
            <a:ext cx="6345853" cy="358965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03995" y="2760389"/>
            <a:ext cx="4265333" cy="244065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1844" y="5262148"/>
            <a:ext cx="5298207" cy="8225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099789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SANDBOX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18336" y="1307404"/>
            <a:ext cx="8951154" cy="4652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5819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9AD9DE4-8F86-4514-AE67-C6BBEE272B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8E02992-A536-4D65-940E-09AF1871C1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8001" y="1212397"/>
            <a:ext cx="9570948" cy="358475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E3A193C-B410-4C56-B6E2-C9382BB296F1}"/>
              </a:ext>
            </a:extLst>
          </p:cNvPr>
          <p:cNvSpPr txBox="1"/>
          <p:nvPr/>
        </p:nvSpPr>
        <p:spPr>
          <a:xfrm>
            <a:off x="1125860" y="4976764"/>
            <a:ext cx="7200800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dirty="0">
                <a:latin typeface="+mn-lt"/>
              </a:rPr>
              <a:t>Containers share the kernel..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DDE1358-20E8-43F8-B51C-D4656B60D474}"/>
              </a:ext>
            </a:extLst>
          </p:cNvPr>
          <p:cNvSpPr/>
          <p:nvPr/>
        </p:nvSpPr>
        <p:spPr>
          <a:xfrm>
            <a:off x="865519" y="5962485"/>
            <a:ext cx="751090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hackaday.com/2018/09/05/intro-to-docker-why-and-how-to-use-containers-on-any-system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7778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9AD9DE4-8F86-4514-AE67-C6BBEE272B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pic>
        <p:nvPicPr>
          <p:cNvPr id="1026" name="Picture 2" descr="Image result for indians on train">
            <a:extLst>
              <a:ext uri="{FF2B5EF4-FFF2-40B4-BE49-F238E27FC236}">
                <a16:creationId xmlns:a16="http://schemas.microsoft.com/office/drawing/2014/main" id="{48211823-998A-464E-BD1B-5DE7D19F572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120"/>
          <a:stretch/>
        </p:blipFill>
        <p:spPr bwMode="auto">
          <a:xfrm>
            <a:off x="8405534" y="1963967"/>
            <a:ext cx="3466379" cy="23550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0D6D370-823E-4FE4-BD19-9C022C63C1D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7280" y="1207978"/>
            <a:ext cx="7320920" cy="150094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03DC957-C51F-4F78-AACE-84D9FC20353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25860" y="2924944"/>
            <a:ext cx="5873296" cy="2788166"/>
          </a:xfrm>
          <a:prstGeom prst="rect">
            <a:avLst/>
          </a:prstGeom>
        </p:spPr>
      </p:pic>
      <p:cxnSp>
        <p:nvCxnSpPr>
          <p:cNvPr id="6" name="Straight Connector 5"/>
          <p:cNvCxnSpPr/>
          <p:nvPr/>
        </p:nvCxnSpPr>
        <p:spPr bwMode="auto">
          <a:xfrm>
            <a:off x="4536176" y="2126371"/>
            <a:ext cx="3254864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930917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9AD9DE4-8F86-4514-AE67-C6BBEE272B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ADDE1358-20E8-43F8-B51C-D4656B60D474}"/>
              </a:ext>
            </a:extLst>
          </p:cNvPr>
          <p:cNvSpPr/>
          <p:nvPr/>
        </p:nvSpPr>
        <p:spPr>
          <a:xfrm>
            <a:off x="1996766" y="5960313"/>
            <a:ext cx="400475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://www.pachyderm.io/2018/11/15/Series-A.html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0D6D370-823E-4FE4-BD19-9C022C63C1D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5519" y="1170405"/>
            <a:ext cx="6267252" cy="1284918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4D48D43-3633-4E3D-9A09-A82823AAD46E}"/>
              </a:ext>
            </a:extLst>
          </p:cNvPr>
          <p:cNvSpPr txBox="1"/>
          <p:nvPr/>
        </p:nvSpPr>
        <p:spPr>
          <a:xfrm flipH="1">
            <a:off x="5049212" y="4288740"/>
            <a:ext cx="2197328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>
                <a:latin typeface="+mn-lt"/>
              </a:rPr>
              <a:t>“</a:t>
            </a:r>
            <a:r>
              <a:rPr lang="en-US" sz="2000" dirty="0" err="1">
                <a:latin typeface="+mn-lt"/>
              </a:rPr>
              <a:t>Github</a:t>
            </a:r>
            <a:r>
              <a:rPr lang="en-US" sz="2000" dirty="0">
                <a:latin typeface="+mn-lt"/>
              </a:rPr>
              <a:t> for data”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593A946-AFF2-49F0-BB87-C22E0249113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5534" y="4762717"/>
            <a:ext cx="8056554" cy="1202858"/>
          </a:xfrm>
          <a:prstGeom prst="rect">
            <a:avLst/>
          </a:prstGeom>
        </p:spPr>
      </p:pic>
      <p:pic>
        <p:nvPicPr>
          <p:cNvPr id="10" name="Picture 2" descr="Image result for indians on train">
            <a:extLst>
              <a:ext uri="{FF2B5EF4-FFF2-40B4-BE49-F238E27FC236}">
                <a16:creationId xmlns:a16="http://schemas.microsoft.com/office/drawing/2014/main" id="{48211823-998A-464E-BD1B-5DE7D19F572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120"/>
          <a:stretch/>
        </p:blipFill>
        <p:spPr bwMode="auto">
          <a:xfrm>
            <a:off x="8405534" y="1963967"/>
            <a:ext cx="3466379" cy="23550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70D6D370-823E-4FE4-BD19-9C022C63C1D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7280" y="1207978"/>
            <a:ext cx="7320920" cy="150094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FE2C7C8-E9F6-4FCF-A5D2-708FC6C2D18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413893" y="2608122"/>
            <a:ext cx="3579926" cy="19730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34682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3E82B24-CC11-46F3-8BF3-F71F40396F2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35992" y="1212396"/>
            <a:ext cx="5130428" cy="3376152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23028F5-155E-49B4-9FBB-1D5A3927049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7B269E09-6D59-4F82-BC5D-10220BC6AB50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www.slideshare.net/BorgHan/hacking-docker-the-easy-w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61659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2460505-8968-4203-8A0B-5BABB16957D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35992" y="1212396"/>
            <a:ext cx="5457213" cy="336487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A4F7E91-7DBE-4026-B76E-29EE94A66754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2405"/>
          <a:stretch/>
        </p:blipFill>
        <p:spPr>
          <a:xfrm>
            <a:off x="6454452" y="1212396"/>
            <a:ext cx="5256584" cy="336487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7573074-4A0A-4148-B4C4-5FA0D09AF6C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B269E09-6D59-4F82-BC5D-10220BC6AB50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www.slideshare.net/BorgHan/hacking-docker-the-easy-way</a:t>
            </a:r>
          </a:p>
        </p:txBody>
      </p:sp>
      <p:cxnSp>
        <p:nvCxnSpPr>
          <p:cNvPr id="12" name="Straight Connector 11"/>
          <p:cNvCxnSpPr/>
          <p:nvPr/>
        </p:nvCxnSpPr>
        <p:spPr bwMode="auto">
          <a:xfrm>
            <a:off x="3295233" y="3789040"/>
            <a:ext cx="2223115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" name="Straight Connector 12"/>
          <p:cNvCxnSpPr/>
          <p:nvPr/>
        </p:nvCxnSpPr>
        <p:spPr bwMode="auto">
          <a:xfrm>
            <a:off x="7613065" y="4123140"/>
            <a:ext cx="1380379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236471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B269E09-6D59-4F82-BC5D-10220BC6AB50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www.slideshare.net/BorgHan/hacking-docker-the-easy-way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CFFA34B-418E-41D1-A966-9C570CF787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43356" y="1124744"/>
            <a:ext cx="7560840" cy="52134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1316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945" y="2929705"/>
            <a:ext cx="5612630" cy="997196"/>
          </a:xfrm>
        </p:spPr>
        <p:txBody>
          <a:bodyPr/>
          <a:lstStyle/>
          <a:p>
            <a:pPr algn="ctr"/>
            <a:r>
              <a:rPr lang="en-US" altLang="en-US" sz="3600" dirty="0">
                <a:latin typeface="+mj-lt"/>
              </a:rPr>
              <a:t>(u)</a:t>
            </a:r>
            <a:r>
              <a:rPr lang="en-US" altLang="en-US" sz="3600" dirty="0" err="1">
                <a:latin typeface="+mj-lt"/>
              </a:rPr>
              <a:t>Sikre</a:t>
            </a:r>
            <a:r>
              <a:rPr lang="en-US" altLang="en-US" sz="3600" dirty="0">
                <a:latin typeface="+mj-lt"/>
              </a:rPr>
              <a:t> </a:t>
            </a:r>
            <a:br>
              <a:rPr lang="en-US" altLang="en-US" sz="3600" dirty="0">
                <a:latin typeface="+mj-lt"/>
              </a:rPr>
            </a:br>
            <a:r>
              <a:rPr lang="en-US" altLang="en-US" sz="3600" dirty="0" err="1">
                <a:latin typeface="+mj-lt"/>
              </a:rPr>
              <a:t>operativ</a:t>
            </a:r>
            <a:r>
              <a:rPr lang="en-US" altLang="en-US" sz="3600" dirty="0">
                <a:latin typeface="+mj-lt"/>
              </a:rPr>
              <a:t> </a:t>
            </a:r>
            <a:r>
              <a:rPr lang="en-US" altLang="en-US" sz="3600" dirty="0" err="1">
                <a:latin typeface="+mj-lt"/>
              </a:rPr>
              <a:t>systemer</a:t>
            </a:r>
            <a:endParaRPr lang="en-GB" sz="3600" dirty="0">
              <a:latin typeface="+mj-lt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7089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altLang="en-US" sz="4400" b="1" dirty="0">
                <a:solidFill>
                  <a:schemeClr val="bg1"/>
                </a:solidFill>
                <a:latin typeface="+mj-lt"/>
              </a:rPr>
              <a:t>IT SIKKERHED</a:t>
            </a:r>
            <a:endParaRPr lang="en-US" sz="4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42779E4-BEFF-4FE7-A260-B0802285EB6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0396" y="1433065"/>
            <a:ext cx="4428688" cy="3940151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48041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93B37A-E24A-454D-BD59-86E0DADB49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06345BE5-3307-4ECA-90E3-6114DE9F7E6C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thenewstack.io/four-security-lessons-live-container-hacking/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CD2B338-D911-40C9-BD76-28494BB0FCA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5820" y="1287583"/>
            <a:ext cx="10279766" cy="114077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8381FC9-1F3D-4BC3-9551-F7A445304CA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75629" y="2849250"/>
            <a:ext cx="10437566" cy="70763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462EA01-844F-4293-8F3E-75326B8D371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5629" y="3708385"/>
            <a:ext cx="8361980" cy="6461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549670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5A2E5A9F-08EE-4B6D-AFDA-09C90D2682D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35993" y="1212397"/>
            <a:ext cx="5520932" cy="295002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B269E09-6D59-4F82-BC5D-10220BC6AB50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thenewstack.io/four-security-lessons-live-container-hacking/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93B37A-E24A-454D-BD59-86E0DADB494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70777C0-EB14-4871-BD7B-E3751294475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3812" y="5133174"/>
            <a:ext cx="7458075" cy="73342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88A80A9-6A33-4D3E-939A-DDD2C7FA9F4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56925" y="2886396"/>
            <a:ext cx="5550336" cy="147717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74AA689-0B0C-4130-9D40-F8E1F14DADF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9298" y="4456721"/>
            <a:ext cx="3530525" cy="58330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1752711-9E24-4D53-AC54-93427550A79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522157" y="1246629"/>
            <a:ext cx="5381625" cy="14097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922727" y="5941072"/>
            <a:ext cx="2448805" cy="7784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24647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B269E09-6D59-4F82-BC5D-10220BC6AB50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thenewstack.io/four-security-lessons-live-container-hacking/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93B37A-E24A-454D-BD59-86E0DADB49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1752711-9E24-4D53-AC54-93427550A79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2157" y="1246629"/>
            <a:ext cx="5381625" cy="1409700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959CCFE6-CD0A-44FF-AF34-BC4ACDFEBDA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1804" y="5476447"/>
            <a:ext cx="5600700" cy="82867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B258CD4-F1A3-4C17-8274-90730998CA7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3078" y="1244816"/>
            <a:ext cx="5381626" cy="41743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21925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ESCApING</a:t>
            </a:r>
            <a:r>
              <a:rPr lang="en-GB" dirty="0"/>
              <a:t> THE CONTAINER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93B37A-E24A-454D-BD59-86E0DADB49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5152197"/>
            <a:ext cx="1601214" cy="147717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1752711-9E24-4D53-AC54-93427550A79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2157" y="1246629"/>
            <a:ext cx="5381625" cy="14097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FE9C5F8-DEC8-4AFF-85A9-BDCE30FED53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7788" y="1246629"/>
            <a:ext cx="5893652" cy="3622531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06345BE5-3307-4ECA-90E3-6114DE9F7E6C}"/>
              </a:ext>
            </a:extLst>
          </p:cNvPr>
          <p:cNvSpPr/>
          <p:nvPr/>
        </p:nvSpPr>
        <p:spPr>
          <a:xfrm>
            <a:off x="7328971" y="6581001"/>
            <a:ext cx="48466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thenewstack.io/four-security-lessons-live-container-hacking/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AE4B4D8-C97A-4C53-A4C6-D90451304B1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36446" y="2909833"/>
            <a:ext cx="5476614" cy="1233316"/>
          </a:xfrm>
          <a:prstGeom prst="rect">
            <a:avLst/>
          </a:prstGeom>
        </p:spPr>
      </p:pic>
      <p:cxnSp>
        <p:nvCxnSpPr>
          <p:cNvPr id="4" name="Straight Connector 3"/>
          <p:cNvCxnSpPr/>
          <p:nvPr/>
        </p:nvCxnSpPr>
        <p:spPr bwMode="auto">
          <a:xfrm>
            <a:off x="1557908" y="3140968"/>
            <a:ext cx="4536504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" name="Straight Connector 10"/>
          <p:cNvCxnSpPr/>
          <p:nvPr/>
        </p:nvCxnSpPr>
        <p:spPr bwMode="auto">
          <a:xfrm>
            <a:off x="556281" y="3389417"/>
            <a:ext cx="4990154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142438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ootkit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316"/>
          <a:stretch/>
        </p:blipFill>
        <p:spPr>
          <a:xfrm>
            <a:off x="621804" y="1282738"/>
            <a:ext cx="8470677" cy="3796758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4491" y="188641"/>
            <a:ext cx="5393433" cy="1532870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887038" y="4842897"/>
            <a:ext cx="102474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 smtClean="0">
                <a:solidFill>
                  <a:srgbClr val="333333"/>
                </a:solidFill>
              </a:rPr>
              <a:t>Rootkits live in Ring 0.</a:t>
            </a:r>
          </a:p>
          <a:p>
            <a:r>
              <a:rPr lang="en-US" sz="2400" dirty="0" smtClean="0">
                <a:solidFill>
                  <a:srgbClr val="333333"/>
                </a:solidFill>
              </a:rPr>
              <a:t>Invisible from above, but what about from below?</a:t>
            </a:r>
            <a:endParaRPr lang="da-DK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2199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17748" y="6021288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microsoft.com/en-us/research/wp-content/uploads/2016/02/hooksafe-ccs09.pdf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its against kit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3831" y="1253490"/>
            <a:ext cx="3689851" cy="4752528"/>
          </a:xfrm>
          <a:prstGeom prst="rect">
            <a:avLst/>
          </a:prstGeom>
        </p:spPr>
      </p:pic>
      <p:pic>
        <p:nvPicPr>
          <p:cNvPr id="3074" name="Picture 2" descr="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38228" y="2852936"/>
            <a:ext cx="5776407" cy="3083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image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63644" y="2934616"/>
            <a:ext cx="1790501" cy="15970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 descr="Image result for device guard windows 10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91634" y="299521"/>
            <a:ext cx="5167261" cy="23630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/>
          <p:cNvSpPr/>
          <p:nvPr/>
        </p:nvSpPr>
        <p:spPr>
          <a:xfrm>
            <a:off x="5374332" y="6597283"/>
            <a:ext cx="7366893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blogs.technet.microsoft.com/ash/2016/03/02/windows-10-device-guard-and-credential-guard-demystified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86924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lue PILL / red pill</a:t>
            </a:r>
            <a:br>
              <a:rPr lang="en-GB" dirty="0"/>
            </a:b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124744"/>
            <a:ext cx="10220325" cy="4521366"/>
          </a:xfrm>
        </p:spPr>
        <p:txBody>
          <a:bodyPr/>
          <a:lstStyle/>
          <a:p>
            <a:r>
              <a:rPr lang="da-DK" sz="2800" b="1" dirty="0"/>
              <a:t>Virtual-</a:t>
            </a:r>
            <a:r>
              <a:rPr lang="da-DK" sz="2800" b="1" dirty="0" err="1"/>
              <a:t>machine</a:t>
            </a:r>
            <a:r>
              <a:rPr lang="da-DK" sz="2800" b="1" dirty="0"/>
              <a:t> / </a:t>
            </a:r>
            <a:r>
              <a:rPr lang="da-DK" sz="2800" b="1" dirty="0" err="1"/>
              <a:t>hypervisor</a:t>
            </a:r>
            <a:r>
              <a:rPr lang="da-DK" sz="2800" b="1" dirty="0"/>
              <a:t> </a:t>
            </a:r>
            <a:r>
              <a:rPr lang="da-DK" sz="2800" b="1" dirty="0" err="1"/>
              <a:t>based</a:t>
            </a:r>
            <a:r>
              <a:rPr lang="da-DK" sz="2800" b="1" dirty="0"/>
              <a:t> </a:t>
            </a:r>
            <a:r>
              <a:rPr lang="da-DK" sz="2800" b="1" dirty="0" err="1"/>
              <a:t>rootkits</a:t>
            </a:r>
            <a:endParaRPr lang="da-DK" sz="2800" b="1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2050" name="Picture 2" descr="Image result for blue pill red pill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88" y="168406"/>
            <a:ext cx="4131688" cy="27200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/>
          <a:srcRect r="38018" b="38195"/>
          <a:stretch/>
        </p:blipFill>
        <p:spPr>
          <a:xfrm>
            <a:off x="7586900" y="3086873"/>
            <a:ext cx="4464496" cy="852458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89589" y="4157312"/>
            <a:ext cx="4409479" cy="152726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91220" y="1718167"/>
            <a:ext cx="6821002" cy="1773184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47238" y="4307036"/>
            <a:ext cx="5400600" cy="538807"/>
          </a:xfrm>
          <a:prstGeom prst="rect">
            <a:avLst/>
          </a:prstGeom>
        </p:spPr>
      </p:pic>
      <p:sp>
        <p:nvSpPr>
          <p:cNvPr id="15" name="Rectangle 14"/>
          <p:cNvSpPr/>
          <p:nvPr/>
        </p:nvSpPr>
        <p:spPr>
          <a:xfrm>
            <a:off x="743526" y="3642920"/>
            <a:ext cx="4472956" cy="181588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2400" dirty="0">
                <a:solidFill>
                  <a:srgbClr val="333333"/>
                </a:solidFill>
              </a:rPr>
              <a:t>Potential </a:t>
            </a:r>
            <a:r>
              <a:rPr lang="da-DK" sz="2400" dirty="0" err="1">
                <a:solidFill>
                  <a:srgbClr val="333333"/>
                </a:solidFill>
              </a:rPr>
              <a:t>detection</a:t>
            </a:r>
            <a:r>
              <a:rPr lang="da-DK" sz="2400" dirty="0">
                <a:solidFill>
                  <a:srgbClr val="333333"/>
                </a:solidFill>
              </a:rPr>
              <a:t> </a:t>
            </a:r>
            <a:r>
              <a:rPr lang="da-DK" sz="2400" dirty="0" err="1">
                <a:solidFill>
                  <a:srgbClr val="333333"/>
                </a:solidFill>
              </a:rPr>
              <a:t>methods</a:t>
            </a:r>
            <a:r>
              <a:rPr lang="da-DK" sz="2400" dirty="0">
                <a:solidFill>
                  <a:srgbClr val="333333"/>
                </a:solidFill>
              </a:rPr>
              <a:t>:</a:t>
            </a:r>
          </a:p>
          <a:p>
            <a:pPr>
              <a:lnSpc>
                <a:spcPct val="150000"/>
              </a:lnSpc>
            </a:pPr>
            <a:r>
              <a:rPr lang="en-US" sz="2400" dirty="0">
                <a:solidFill>
                  <a:srgbClr val="333333"/>
                </a:solidFill>
              </a:rPr>
              <a:t>1.</a:t>
            </a:r>
          </a:p>
          <a:p>
            <a:pPr>
              <a:lnSpc>
                <a:spcPct val="150000"/>
              </a:lnSpc>
            </a:pPr>
            <a:r>
              <a:rPr lang="en-US" sz="2400" dirty="0">
                <a:solidFill>
                  <a:srgbClr val="333333"/>
                </a:solidFill>
              </a:rPr>
              <a:t>2. Timing against external clock</a:t>
            </a:r>
            <a:endParaRPr lang="da-DK" sz="2400" dirty="0"/>
          </a:p>
        </p:txBody>
      </p:sp>
      <p:sp>
        <p:nvSpPr>
          <p:cNvPr id="20" name="Rectangle 19"/>
          <p:cNvSpPr/>
          <p:nvPr/>
        </p:nvSpPr>
        <p:spPr>
          <a:xfrm>
            <a:off x="8254652" y="5458802"/>
            <a:ext cx="2884508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dirty="0">
                <a:solidFill>
                  <a:srgbClr val="333333"/>
                </a:solidFill>
              </a:rPr>
              <a:t>~50% false positives</a:t>
            </a:r>
            <a:endParaRPr lang="da-DK" sz="2400" dirty="0"/>
          </a:p>
        </p:txBody>
      </p:sp>
      <p:sp>
        <p:nvSpPr>
          <p:cNvPr id="16" name="Rectangle 15"/>
          <p:cNvSpPr/>
          <p:nvPr/>
        </p:nvSpPr>
        <p:spPr>
          <a:xfrm>
            <a:off x="5734372" y="6601434"/>
            <a:ext cx="673003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eb.archive.org/web/20070709174407/http://www.offensivecomputing.net:80/files/active/0/vm.pdf</a:t>
            </a:r>
          </a:p>
        </p:txBody>
      </p:sp>
      <p:cxnSp>
        <p:nvCxnSpPr>
          <p:cNvPr id="22" name="Straight Connector 21"/>
          <p:cNvCxnSpPr/>
          <p:nvPr/>
        </p:nvCxnSpPr>
        <p:spPr bwMode="auto">
          <a:xfrm>
            <a:off x="862607" y="3119825"/>
            <a:ext cx="2665159" cy="0"/>
          </a:xfrm>
          <a:prstGeom prst="line">
            <a:avLst/>
          </a:prstGeom>
          <a:ln w="15875">
            <a:solidFill>
              <a:srgbClr val="FF0000"/>
            </a:solidFill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053" name="Picture 5" descr="http://photos1.blogger.com/blogger/5738/2550/320/bluepill-mini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3996" y="3097613"/>
            <a:ext cx="913337" cy="3242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5732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lue PILL / red pill</a:t>
            </a:r>
            <a:br>
              <a:rPr lang="en-GB" dirty="0"/>
            </a:br>
            <a:endParaRPr lang="en-GB" dirty="0"/>
          </a:p>
        </p:txBody>
      </p:sp>
      <p:pic>
        <p:nvPicPr>
          <p:cNvPr id="2050" name="Picture 2" descr="Image result for blue pill red pill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67380" y="168406"/>
            <a:ext cx="4131688" cy="27200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/>
          <p:cNvSpPr/>
          <p:nvPr/>
        </p:nvSpPr>
        <p:spPr>
          <a:xfrm>
            <a:off x="693812" y="3825696"/>
            <a:ext cx="11561498" cy="193899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2400" b="1" dirty="0" err="1" smtClean="0"/>
              <a:t>Very</a:t>
            </a:r>
            <a:r>
              <a:rPr lang="da-DK" sz="2400" b="1" dirty="0" smtClean="0"/>
              <a:t> old </a:t>
            </a:r>
            <a:r>
              <a:rPr lang="da-DK" sz="2400" b="1" dirty="0" err="1" smtClean="0"/>
              <a:t>idea</a:t>
            </a:r>
            <a:r>
              <a:rPr lang="da-DK" sz="2400" b="1" dirty="0" smtClean="0"/>
              <a:t>..</a:t>
            </a:r>
            <a:endParaRPr lang="da-DK" sz="2400" b="1" dirty="0"/>
          </a:p>
          <a:p>
            <a:r>
              <a:rPr lang="en-US" sz="2400" b="1" dirty="0" smtClean="0"/>
              <a:t>Definitely not a Turing simulation, perhaps unknown quantum computer simulation.</a:t>
            </a:r>
            <a:endParaRPr lang="da-DK" sz="2400" b="1" dirty="0" smtClean="0"/>
          </a:p>
          <a:p>
            <a:r>
              <a:rPr lang="en-US" sz="2400" b="1" dirty="0" smtClean="0"/>
              <a:t>A philosophical dead-end..?</a:t>
            </a:r>
            <a:endParaRPr lang="da-DK" sz="2400" b="1" dirty="0"/>
          </a:p>
        </p:txBody>
      </p:sp>
      <p:sp>
        <p:nvSpPr>
          <p:cNvPr id="16" name="Rectangle 15"/>
          <p:cNvSpPr/>
          <p:nvPr/>
        </p:nvSpPr>
        <p:spPr>
          <a:xfrm>
            <a:off x="5734372" y="6601434"/>
            <a:ext cx="673003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eb.archive.org/web/20070709174407/http://www.offensivecomputing.net:80/files/active/0/vm.pdf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268760"/>
            <a:ext cx="6605191" cy="122873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4528" y="2636912"/>
            <a:ext cx="6506027" cy="86516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968407" y="3069412"/>
            <a:ext cx="3929633" cy="6937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71157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BootkitS</a:t>
            </a:r>
            <a:r>
              <a:rPr lang="en-GB" dirty="0"/>
              <a:t> – ESCAPING SECURE </a:t>
            </a:r>
            <a:r>
              <a:rPr lang="en-GB" dirty="0" smtClean="0"/>
              <a:t>BOOT </a:t>
            </a:r>
            <a:r>
              <a:rPr lang="en-GB" dirty="0" err="1" smtClean="0"/>
              <a:t>etc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028485" y="1700808"/>
            <a:ext cx="10220325" cy="4521366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sz="2400" dirty="0"/>
              <a:t>Survives formatting and reinstallation.</a:t>
            </a:r>
            <a:endParaRPr lang="da-DK" sz="24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57912" y="1229820"/>
            <a:ext cx="5137250" cy="4521366"/>
          </a:xfrm>
          <a:prstGeom prst="rect">
            <a:avLst/>
          </a:prstGeom>
        </p:spPr>
      </p:pic>
      <p:pic>
        <p:nvPicPr>
          <p:cNvPr id="1026" name="Picture 2" descr="Image result for evil maid attack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4452" y="1106503"/>
            <a:ext cx="4987107" cy="24935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6958508" y="5578794"/>
            <a:ext cx="4175647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000" dirty="0"/>
              <a:t>https://business.f-secure.com/f-secures-guide-to-evil-maid-attack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50596" y="3842982"/>
            <a:ext cx="2352439" cy="20514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67999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RDWARE backdoor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86300" y="1052736"/>
            <a:ext cx="6403876" cy="102867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90356" y="2297437"/>
            <a:ext cx="5546744" cy="349762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329" t="9020" r="17468" b="13058"/>
          <a:stretch/>
        </p:blipFill>
        <p:spPr>
          <a:xfrm>
            <a:off x="5734372" y="3645025"/>
            <a:ext cx="791588" cy="792088"/>
          </a:xfrm>
          <a:prstGeom prst="rect">
            <a:avLst/>
          </a:prstGeom>
        </p:spPr>
      </p:pic>
      <p:pic>
        <p:nvPicPr>
          <p:cNvPr id="9" name="Picture 2" descr="https://media.wired.com/photos/59322ef34dc9b45ccec5c771/master/w_1500,c_limit/backdoor-01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0813" y="1370193"/>
            <a:ext cx="3484369" cy="23229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89756" y="3939411"/>
            <a:ext cx="4993013" cy="1777424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837828" y="5790211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wired.com/2014/12/hacker-lexicon-backdoor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34180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re</a:t>
            </a:r>
            <a:r>
              <a:rPr lang="en-GB" dirty="0"/>
              <a:t> </a:t>
            </a:r>
            <a:r>
              <a:rPr lang="en-GB" dirty="0" err="1"/>
              <a:t>Operativ</a:t>
            </a:r>
            <a:r>
              <a:rPr lang="en-GB" dirty="0"/>
              <a:t> </a:t>
            </a:r>
            <a:r>
              <a:rPr lang="en-GB" dirty="0" err="1"/>
              <a:t>systemer</a:t>
            </a:r>
            <a:endParaRPr lang="en-GB" dirty="0"/>
          </a:p>
        </p:txBody>
      </p:sp>
      <p:pic>
        <p:nvPicPr>
          <p:cNvPr id="4" name="Picture 2" descr="Image result for nest thermostat">
            <a:extLst>
              <a:ext uri="{FF2B5EF4-FFF2-40B4-BE49-F238E27FC236}">
                <a16:creationId xmlns:a16="http://schemas.microsoft.com/office/drawing/2014/main" id="{28F4F059-2D4F-4FE4-8588-99792173C7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66158" y="4293096"/>
            <a:ext cx="1649195" cy="16491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022F90E1-F9AE-40D5-9A70-A31C7C007D2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358602"/>
            <a:ext cx="3663817" cy="443711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86300" y="1427638"/>
            <a:ext cx="5844728" cy="62988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086300" y="2239981"/>
            <a:ext cx="6416219" cy="17886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39312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RDWARE backdoor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70676" y="5857203"/>
            <a:ext cx="1879488" cy="90904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80131" y="1275755"/>
            <a:ext cx="4460577" cy="235809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3750" y="1201683"/>
            <a:ext cx="4469046" cy="1219205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0628" y="2621848"/>
            <a:ext cx="6248555" cy="36898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13857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ARDWARE backdoor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82FE2B0-5878-46D8-8A0D-4F5F975CB07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220" y="3828868"/>
            <a:ext cx="5982218" cy="103641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E74DDFB6-C495-4772-88E3-B3B48B1AEDD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0981" y="1224444"/>
            <a:ext cx="6629975" cy="119644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82204CC-4A3D-4C5D-AC42-EB6929A3A53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36704" y="2541753"/>
            <a:ext cx="6233700" cy="114309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94015623-F58C-4E44-A465-2A3CF6B04CB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1804" y="1289536"/>
            <a:ext cx="3497190" cy="4703613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294212" y="5009294"/>
            <a:ext cx="4036045" cy="126682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394336" y="4970853"/>
            <a:ext cx="2417116" cy="129767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6060" y="1289536"/>
            <a:ext cx="1192934" cy="79404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2924" y="43706"/>
            <a:ext cx="1437487" cy="11219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36200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RDWARE INTERDICTION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F5D4F844-31C8-442C-B8C6-C2E40FFF52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4750" y="1200773"/>
            <a:ext cx="7848793" cy="483134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C1E7BC-3589-4123-A20E-BB554D64416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43049" y="6032122"/>
            <a:ext cx="2997491" cy="750703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C3584FC0-8914-402E-94C5-9E79932F17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42203" y="2276872"/>
            <a:ext cx="1753212" cy="18108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808657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Warshipping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820" y="1196752"/>
            <a:ext cx="4191344" cy="501317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/>
          <a:srcRect t="6641" b="13825"/>
          <a:stretch/>
        </p:blipFill>
        <p:spPr>
          <a:xfrm>
            <a:off x="5518348" y="548679"/>
            <a:ext cx="6084168" cy="302433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82444" y="3703340"/>
            <a:ext cx="4367808" cy="24568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96487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NSA backdoor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0C41F706-130F-4BF1-AD06-84084CD731E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4662"/>
          <a:stretch/>
        </p:blipFill>
        <p:spPr>
          <a:xfrm>
            <a:off x="5825246" y="886397"/>
            <a:ext cx="5812783" cy="415449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1FEF993-90EE-4F2A-9214-F9331AB86F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5780" y="4172678"/>
            <a:ext cx="5322365" cy="154811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F4E5045-10EC-41F2-AA15-DEF4426F32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50396" y="5063218"/>
            <a:ext cx="5353440" cy="110927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4CF12A7-5247-4CD0-B482-41A2269241C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26199" b="25694"/>
          <a:stretch/>
        </p:blipFill>
        <p:spPr>
          <a:xfrm>
            <a:off x="549796" y="1246340"/>
            <a:ext cx="4104455" cy="262287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1479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NSA backdoor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4CF12A7-5247-4CD0-B482-41A2269241C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795" y="1196752"/>
            <a:ext cx="4878543" cy="3096344"/>
          </a:xfrm>
          <a:prstGeom prst="rect">
            <a:avLst/>
          </a:prstGeom>
        </p:spPr>
      </p:pic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765820" y="4509119"/>
            <a:ext cx="4536504" cy="15841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2400" kern="0" dirty="0">
                <a:solidFill>
                  <a:srgbClr val="333333"/>
                </a:solidFill>
              </a:rPr>
              <a:t>If a </a:t>
            </a:r>
            <a:r>
              <a:rPr lang="da-DK" sz="2400" kern="0" dirty="0" err="1">
                <a:solidFill>
                  <a:srgbClr val="333333"/>
                </a:solidFill>
              </a:rPr>
              <a:t>backdoor</a:t>
            </a:r>
            <a:r>
              <a:rPr lang="da-DK" sz="2400" kern="0" dirty="0">
                <a:solidFill>
                  <a:srgbClr val="333333"/>
                </a:solidFill>
              </a:rPr>
              <a:t> or </a:t>
            </a:r>
            <a:r>
              <a:rPr lang="da-DK" sz="2400" kern="0" dirty="0" err="1">
                <a:solidFill>
                  <a:srgbClr val="333333"/>
                </a:solidFill>
              </a:rPr>
              <a:t>similar</a:t>
            </a:r>
            <a:r>
              <a:rPr lang="da-DK" sz="2400" kern="0" dirty="0">
                <a:solidFill>
                  <a:srgbClr val="333333"/>
                </a:solidFill>
              </a:rPr>
              <a:t> ‘</a:t>
            </a:r>
            <a:r>
              <a:rPr lang="da-DK" sz="2400" kern="0" dirty="0" err="1">
                <a:solidFill>
                  <a:srgbClr val="333333"/>
                </a:solidFill>
              </a:rPr>
              <a:t>phones</a:t>
            </a:r>
            <a:r>
              <a:rPr lang="da-DK" sz="2400" kern="0" dirty="0">
                <a:solidFill>
                  <a:srgbClr val="333333"/>
                </a:solidFill>
              </a:rPr>
              <a:t> home’ it </a:t>
            </a:r>
            <a:r>
              <a:rPr lang="da-DK" sz="2400" kern="0" dirty="0" err="1">
                <a:solidFill>
                  <a:srgbClr val="333333"/>
                </a:solidFill>
              </a:rPr>
              <a:t>should</a:t>
            </a:r>
            <a:r>
              <a:rPr lang="da-DK" sz="2400" kern="0" dirty="0">
                <a:solidFill>
                  <a:srgbClr val="333333"/>
                </a:solidFill>
              </a:rPr>
              <a:t> </a:t>
            </a:r>
            <a:r>
              <a:rPr lang="da-DK" sz="2400" kern="0" dirty="0" err="1">
                <a:solidFill>
                  <a:srgbClr val="333333"/>
                </a:solidFill>
              </a:rPr>
              <a:t>be</a:t>
            </a:r>
            <a:r>
              <a:rPr lang="da-DK" sz="2400" kern="0" dirty="0">
                <a:solidFill>
                  <a:srgbClr val="333333"/>
                </a:solidFill>
              </a:rPr>
              <a:t> </a:t>
            </a:r>
            <a:r>
              <a:rPr lang="da-DK" sz="2400" kern="0" dirty="0" err="1">
                <a:solidFill>
                  <a:srgbClr val="333333"/>
                </a:solidFill>
              </a:rPr>
              <a:t>possible</a:t>
            </a:r>
            <a:r>
              <a:rPr lang="da-DK" sz="2400" kern="0" dirty="0">
                <a:solidFill>
                  <a:srgbClr val="333333"/>
                </a:solidFill>
              </a:rPr>
              <a:t> to </a:t>
            </a:r>
            <a:r>
              <a:rPr lang="da-DK" sz="2400" kern="0" dirty="0" err="1">
                <a:solidFill>
                  <a:srgbClr val="333333"/>
                </a:solidFill>
              </a:rPr>
              <a:t>detect</a:t>
            </a:r>
            <a:r>
              <a:rPr lang="da-DK" sz="2400" kern="0" dirty="0">
                <a:solidFill>
                  <a:srgbClr val="333333"/>
                </a:solidFill>
              </a:rPr>
              <a:t> it with an </a:t>
            </a:r>
            <a:r>
              <a:rPr lang="da-DK" sz="2400" b="1" kern="0" dirty="0" err="1">
                <a:solidFill>
                  <a:srgbClr val="333333"/>
                </a:solidFill>
              </a:rPr>
              <a:t>uncompromised</a:t>
            </a:r>
            <a:r>
              <a:rPr lang="da-DK" sz="2400" kern="0" dirty="0">
                <a:solidFill>
                  <a:srgbClr val="333333"/>
                </a:solidFill>
              </a:rPr>
              <a:t> firewall </a:t>
            </a:r>
            <a:r>
              <a:rPr lang="da-DK" sz="2400" kern="0" dirty="0" err="1">
                <a:solidFill>
                  <a:srgbClr val="333333"/>
                </a:solidFill>
              </a:rPr>
              <a:t>during</a:t>
            </a:r>
            <a:r>
              <a:rPr lang="da-DK" sz="2400" kern="0" dirty="0">
                <a:solidFill>
                  <a:srgbClr val="333333"/>
                </a:solidFill>
              </a:rPr>
              <a:t> ‘radio </a:t>
            </a:r>
            <a:r>
              <a:rPr lang="da-DK" sz="2400" kern="0" dirty="0" err="1">
                <a:solidFill>
                  <a:srgbClr val="333333"/>
                </a:solidFill>
              </a:rPr>
              <a:t>silence</a:t>
            </a:r>
            <a:r>
              <a:rPr lang="da-DK" sz="2400" kern="0" dirty="0" smtClean="0">
                <a:solidFill>
                  <a:srgbClr val="333333"/>
                </a:solidFill>
              </a:rPr>
              <a:t>’.</a:t>
            </a:r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  <a:p>
            <a:endParaRPr lang="en-US" sz="2400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24041" y="404664"/>
            <a:ext cx="5172075" cy="545782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28747" y="5745253"/>
            <a:ext cx="5025680" cy="58618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43837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ackdoor JOKE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E49DD59-184F-4972-9D9E-8FCF7D06B07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3749" y="1135900"/>
            <a:ext cx="5061537" cy="258113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BC5EFD6-7897-4626-A41B-9311E142DC1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6420" y="1135900"/>
            <a:ext cx="4968552" cy="522232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BAF3326-B32B-49C1-9D98-4266A3EABB6E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9229" b="9229"/>
          <a:stretch/>
        </p:blipFill>
        <p:spPr>
          <a:xfrm>
            <a:off x="2061964" y="3919069"/>
            <a:ext cx="2880320" cy="23486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10207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IN OS ØVELS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70441AD-43A1-46D7-9ECF-2890E80C99A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3536"/>
          <a:stretch/>
        </p:blipFill>
        <p:spPr>
          <a:xfrm>
            <a:off x="1845940" y="1237716"/>
            <a:ext cx="5723936" cy="190325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6D006D1-8253-4ECB-896D-B015D80BB3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45940" y="4904836"/>
            <a:ext cx="5642071" cy="122413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/>
          <a:srcRect t="22316"/>
          <a:stretch/>
        </p:blipFill>
        <p:spPr>
          <a:xfrm>
            <a:off x="1917948" y="3140967"/>
            <a:ext cx="6423668" cy="1512169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1950372" y="5960633"/>
            <a:ext cx="3639984" cy="2046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400" dirty="0" smtClean="0">
                <a:latin typeface="+mn-lt"/>
              </a:rPr>
              <a:t>Se link </a:t>
            </a:r>
            <a:r>
              <a:rPr lang="en-US" sz="1400" dirty="0" err="1" smtClean="0">
                <a:latin typeface="+mn-lt"/>
              </a:rPr>
              <a:t>på</a:t>
            </a:r>
            <a:r>
              <a:rPr lang="en-US" sz="1400" dirty="0" smtClean="0">
                <a:latin typeface="+mn-lt"/>
              </a:rPr>
              <a:t> Blackboard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970501" y="4507503"/>
            <a:ext cx="3639984" cy="2046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400" dirty="0" err="1" smtClean="0">
                <a:latin typeface="+mn-lt"/>
              </a:rPr>
              <a:t>Kan</a:t>
            </a:r>
            <a:r>
              <a:rPr lang="en-US" sz="1400" dirty="0" smtClean="0">
                <a:latin typeface="+mn-lt"/>
              </a:rPr>
              <a:t> du </a:t>
            </a:r>
            <a:r>
              <a:rPr lang="en-US" sz="1400" dirty="0" err="1" smtClean="0">
                <a:latin typeface="+mn-lt"/>
              </a:rPr>
              <a:t>cracke</a:t>
            </a:r>
            <a:r>
              <a:rPr lang="en-US" sz="1400" dirty="0" smtClean="0">
                <a:latin typeface="+mn-lt"/>
              </a:rPr>
              <a:t> </a:t>
            </a:r>
            <a:r>
              <a:rPr lang="en-US" sz="1400" dirty="0" err="1" smtClean="0">
                <a:latin typeface="+mn-lt"/>
              </a:rPr>
              <a:t>applicationen</a:t>
            </a:r>
            <a:r>
              <a:rPr lang="en-US" sz="1400" dirty="0" smtClean="0">
                <a:latin typeface="+mn-lt"/>
              </a:rPr>
              <a:t> </a:t>
            </a:r>
            <a:r>
              <a:rPr lang="en-US" sz="1400" dirty="0" err="1" smtClean="0">
                <a:latin typeface="+mn-lt"/>
              </a:rPr>
              <a:t>i</a:t>
            </a:r>
            <a:r>
              <a:rPr lang="en-US" sz="1400" dirty="0" smtClean="0">
                <a:latin typeface="+mn-lt"/>
              </a:rPr>
              <a:t> </a:t>
            </a:r>
            <a:r>
              <a:rPr lang="en-US" sz="1400" dirty="0" err="1" smtClean="0">
                <a:latin typeface="+mn-lt"/>
              </a:rPr>
              <a:t>en</a:t>
            </a:r>
            <a:r>
              <a:rPr lang="en-US" sz="1400" dirty="0" smtClean="0">
                <a:latin typeface="+mn-lt"/>
              </a:rPr>
              <a:t> debugger?</a:t>
            </a:r>
            <a:endParaRPr lang="da-DK" sz="14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4794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IN OS ØVELS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812" y="1340768"/>
            <a:ext cx="11268075" cy="227647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59363" y="3789040"/>
            <a:ext cx="3778457" cy="26642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280840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re</a:t>
            </a:r>
            <a:r>
              <a:rPr lang="en-GB" dirty="0"/>
              <a:t> </a:t>
            </a:r>
            <a:r>
              <a:rPr lang="en-GB" dirty="0" err="1"/>
              <a:t>Operativ</a:t>
            </a:r>
            <a:r>
              <a:rPr lang="en-GB" dirty="0"/>
              <a:t> </a:t>
            </a:r>
            <a:r>
              <a:rPr lang="en-GB" dirty="0" err="1"/>
              <a:t>systemer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245544"/>
            <a:ext cx="4391025" cy="345757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90356" y="1245544"/>
            <a:ext cx="4969173" cy="162956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3812" y="4797152"/>
            <a:ext cx="6624735" cy="1441653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535255" y="3356992"/>
            <a:ext cx="6336658" cy="7427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42734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 monitor</a:t>
            </a:r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07158" y="476672"/>
            <a:ext cx="3703100" cy="254588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7828" y="1202251"/>
            <a:ext cx="4289047" cy="298933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766820" y="2738557"/>
            <a:ext cx="1065840" cy="38450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269876" y="4556851"/>
            <a:ext cx="3792428" cy="895192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7724019" y="6012045"/>
            <a:ext cx="2597503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lideplayer.com/slide/9302705/</a:t>
            </a:r>
          </a:p>
        </p:txBody>
      </p:sp>
      <p:pic>
        <p:nvPicPr>
          <p:cNvPr id="2052" name="Picture 4" descr="Image result for reference monitor OS"/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066"/>
          <a:stretch/>
        </p:blipFill>
        <p:spPr bwMode="auto">
          <a:xfrm>
            <a:off x="6742484" y="3317916"/>
            <a:ext cx="4132047" cy="26941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7147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 monitor</a:t>
            </a:r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202251"/>
            <a:ext cx="4289047" cy="298933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4556851"/>
            <a:ext cx="3792428" cy="895192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5558923" y="1268760"/>
            <a:ext cx="5795250" cy="48936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i="1" dirty="0">
                <a:latin typeface="+mn-lt"/>
                <a:cs typeface="Arial" panose="020B0604020202020204" pitchFamily="34" charset="0"/>
              </a:rPr>
              <a:t>For </a:t>
            </a:r>
            <a:r>
              <a:rPr lang="en-US" sz="1600" i="1" dirty="0" err="1">
                <a:latin typeface="+mn-lt"/>
                <a:cs typeface="Arial" panose="020B0604020202020204" pitchFamily="34" charset="0"/>
              </a:rPr>
              <a:t>tamperproofing</a:t>
            </a:r>
            <a:r>
              <a:rPr lang="en-US" sz="1600" i="1" dirty="0">
                <a:latin typeface="+mn-lt"/>
                <a:cs typeface="Arial" panose="020B0604020202020204" pitchFamily="34" charset="0"/>
              </a:rPr>
              <a:t>, the problem is that most systems have a trusted computing base that is too large to determine whether tampering is prevented. </a:t>
            </a:r>
          </a:p>
          <a:p>
            <a:pPr>
              <a:lnSpc>
                <a:spcPct val="100000"/>
              </a:lnSpc>
            </a:pPr>
            <a:endParaRPr lang="en-US" sz="1600" i="1" dirty="0">
              <a:latin typeface="+mn-lt"/>
              <a:cs typeface="Arial" panose="020B0604020202020204" pitchFamily="34" charset="0"/>
            </a:endParaRPr>
          </a:p>
          <a:p>
            <a:pPr>
              <a:lnSpc>
                <a:spcPct val="100000"/>
              </a:lnSpc>
            </a:pPr>
            <a:r>
              <a:rPr lang="en-US" sz="1600" i="1" dirty="0">
                <a:latin typeface="+mn-lt"/>
                <a:cs typeface="Arial" panose="020B0604020202020204" pitchFamily="34" charset="0"/>
              </a:rPr>
              <a:t>In many systems, several user-level processes are trusted with the authority to modify the kernel (e.g., install modules), but many of these processes themselves are vulnerable to tampering. </a:t>
            </a:r>
          </a:p>
          <a:p>
            <a:pPr>
              <a:lnSpc>
                <a:spcPct val="100000"/>
              </a:lnSpc>
            </a:pPr>
            <a:endParaRPr lang="en-US" sz="1600" i="1" dirty="0">
              <a:latin typeface="+mn-lt"/>
              <a:cs typeface="Arial" panose="020B0604020202020204" pitchFamily="34" charset="0"/>
            </a:endParaRPr>
          </a:p>
          <a:p>
            <a:pPr>
              <a:lnSpc>
                <a:spcPct val="100000"/>
              </a:lnSpc>
            </a:pPr>
            <a:r>
              <a:rPr lang="en-US" sz="1600" i="1" dirty="0">
                <a:latin typeface="+mn-lt"/>
                <a:cs typeface="Arial" panose="020B0604020202020204" pitchFamily="34" charset="0"/>
              </a:rPr>
              <a:t>However, verification is the most difficult of the requirements to satisfy, </a:t>
            </a:r>
            <a:r>
              <a:rPr lang="en-US" sz="1600" i="1" dirty="0">
                <a:solidFill>
                  <a:srgbClr val="FF0000"/>
                </a:solidFill>
                <a:latin typeface="+mn-lt"/>
                <a:cs typeface="Arial" panose="020B0604020202020204" pitchFamily="34" charset="0"/>
              </a:rPr>
              <a:t>as designing a general algorithm to prove that an arbitrary program behaves correctly is tantamount to solving the Halting problem</a:t>
            </a:r>
            <a:r>
              <a:rPr lang="en-US" sz="1600" i="1" dirty="0">
                <a:latin typeface="+mn-lt"/>
                <a:cs typeface="Arial" panose="020B0604020202020204" pitchFamily="34" charset="0"/>
              </a:rPr>
              <a:t>. </a:t>
            </a:r>
          </a:p>
          <a:p>
            <a:pPr>
              <a:lnSpc>
                <a:spcPct val="100000"/>
              </a:lnSpc>
            </a:pPr>
            <a:endParaRPr lang="en-US" sz="1600" i="1" dirty="0">
              <a:latin typeface="+mn-lt"/>
              <a:cs typeface="Arial" panose="020B0604020202020204" pitchFamily="34" charset="0"/>
            </a:endParaRPr>
          </a:p>
          <a:p>
            <a:pPr>
              <a:lnSpc>
                <a:spcPct val="100000"/>
              </a:lnSpc>
            </a:pPr>
            <a:r>
              <a:rPr lang="en-US" sz="1600" i="1" dirty="0">
                <a:latin typeface="+mn-lt"/>
                <a:cs typeface="Arial" panose="020B0604020202020204" pitchFamily="34" charset="0"/>
              </a:rPr>
              <a:t>While current algorithms can prove correctness properties of specific programs, the variety of reference validation code and the complexity of correctness properties preclude verification for all but the smallest, most </a:t>
            </a:r>
            <a:r>
              <a:rPr lang="da-DK" sz="1600" i="1" dirty="0" err="1">
                <a:latin typeface="+mn-lt"/>
                <a:cs typeface="Arial" panose="020B0604020202020204" pitchFamily="34" charset="0"/>
              </a:rPr>
              <a:t>specialized</a:t>
            </a:r>
            <a:r>
              <a:rPr lang="da-DK" sz="1600" i="1" dirty="0">
                <a:latin typeface="+mn-lt"/>
                <a:cs typeface="Arial" panose="020B0604020202020204" pitchFamily="34" charset="0"/>
              </a:rPr>
              <a:t> systems.</a:t>
            </a:r>
          </a:p>
          <a:p>
            <a:pPr>
              <a:lnSpc>
                <a:spcPct val="100000"/>
              </a:lnSpc>
            </a:pPr>
            <a:endParaRPr lang="en-US" sz="1400" i="1" dirty="0">
              <a:latin typeface="+mn-lt"/>
              <a:cs typeface="Arial" panose="020B0604020202020204" pitchFamily="34" charset="0"/>
            </a:endParaRPr>
          </a:p>
          <a:p>
            <a:pPr>
              <a:lnSpc>
                <a:spcPct val="100000"/>
              </a:lnSpc>
            </a:pPr>
            <a:r>
              <a:rPr lang="da-DK" sz="1000" i="1" dirty="0">
                <a:latin typeface="+mn-lt"/>
                <a:cs typeface="Arial" panose="020B0604020202020204" pitchFamily="34" charset="0"/>
              </a:rPr>
              <a:t>https://pdfs.semanticscholar.org/c93c/234c9a7698038caf317a97405c53144bf354.pd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2274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Beskyttelses</a:t>
            </a:r>
            <a:r>
              <a:rPr lang="en-GB" dirty="0"/>
              <a:t> lag (</a:t>
            </a:r>
            <a:r>
              <a:rPr lang="en-GB" dirty="0" err="1"/>
              <a:t>ringe</a:t>
            </a:r>
            <a:r>
              <a:rPr lang="en-GB" dirty="0"/>
              <a:t>)</a:t>
            </a:r>
          </a:p>
        </p:txBody>
      </p:sp>
      <p:pic>
        <p:nvPicPr>
          <p:cNvPr id="1026" name="Picture 2" descr="Image result for operating system rings">
            <a:extLst>
              <a:ext uri="{FF2B5EF4-FFF2-40B4-BE49-F238E27FC236}">
                <a16:creationId xmlns:a16="http://schemas.microsoft.com/office/drawing/2014/main" id="{8137AB71-A7D6-489C-BA00-59DE5C2FC9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988" y="1878910"/>
            <a:ext cx="2857500" cy="2057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05980" y="4365104"/>
            <a:ext cx="2371287" cy="1952427"/>
          </a:xfrm>
          <a:prstGeom prst="rect">
            <a:avLst/>
          </a:prstGeom>
        </p:spPr>
      </p:pic>
      <p:sp>
        <p:nvSpPr>
          <p:cNvPr id="5" name="Rectangle 3"/>
          <p:cNvSpPr>
            <a:spLocks noChangeArrowheads="1"/>
          </p:cNvSpPr>
          <p:nvPr/>
        </p:nvSpPr>
        <p:spPr bwMode="auto">
          <a:xfrm>
            <a:off x="5614540" y="1028464"/>
            <a:ext cx="6456535" cy="5249499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253920" tIns="4761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System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alls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an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be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oughly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rouped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into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five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major </a:t>
            </a:r>
            <a:r>
              <a:rPr kumimoji="0" lang="da-DK" altLang="da-DK" sz="14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ategories</a:t>
            </a:r>
            <a:r>
              <a:rPr kumimoji="0" lang="da-DK" altLang="da-DK" sz="14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altLang="da-DK" sz="14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</a:pPr>
            <a:r>
              <a:rPr kumimoji="0" lang="da-DK" altLang="da-DK" sz="12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Process Control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load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execute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end, abort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crea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 process (for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exampl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, </a:t>
            </a:r>
            <a:r>
              <a:rPr kumimoji="0" lang="da-DK" altLang="da-DK" sz="1000" b="0" i="0" u="none" strike="noStrike" cap="none" normalizeH="0" baseline="0" dirty="0" err="1" smtClean="0">
                <a:ln>
                  <a:noFill/>
                </a:ln>
                <a:effectLst/>
                <a:latin typeface="+mn-lt"/>
                <a:cs typeface="Courier New" panose="02070309020205020404" pitchFamily="49" charset="0"/>
              </a:rPr>
              <a:t>NtCreateProcess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 in the Windows NT Native API)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termina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 process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/set process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attribut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wait for time, wait event, signal event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allocate, free 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effectLst/>
                <a:latin typeface="+mn-lt"/>
                <a:cs typeface="Arial" panose="020B0604020202020204" pitchFamily="34" charset="0"/>
              </a:rPr>
              <a:t>memory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effectLst/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AutoNum type="arabicPeriod" startAt="2"/>
              <a:tabLst/>
            </a:pPr>
            <a:r>
              <a:rPr kumimoji="0" lang="da-DK" altLang="da-DK" sz="12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File Management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rea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file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le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file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open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lose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ad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wri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position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/set file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attribut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AutoNum type="arabicPeriod" startAt="3"/>
              <a:tabLst/>
            </a:pPr>
            <a:r>
              <a:rPr kumimoji="0" lang="da-DK" altLang="da-DK" sz="12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 Management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ques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leas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ad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wri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position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/set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attribut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logically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attach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or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tach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AutoNum type="arabicPeriod" startAt="4"/>
              <a:tabLst/>
            </a:pPr>
            <a:r>
              <a:rPr kumimoji="0" lang="da-DK" altLang="da-DK" sz="1200" b="1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Information Maintenance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/set time or date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/set system data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get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/set process, file, or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attribut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AutoNum type="arabicPeriod" startAt="5"/>
              <a:tabLst/>
            </a:pPr>
            <a:r>
              <a:rPr kumimoji="0" lang="da-DK" altLang="da-DK" sz="1200" b="1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ommunication</a:t>
            </a:r>
            <a:endParaRPr kumimoji="0" lang="da-DK" altLang="da-DK" sz="1200" b="1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rea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le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ommunication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connection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send,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ceiv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messag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transfer status information</a:t>
            </a:r>
          </a:p>
          <a:p>
            <a:pPr marL="457200" marR="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attach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or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tach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remote</a:t>
            </a:r>
            <a:r>
              <a:rPr kumimoji="0" lang="da-DK" altLang="da-DK" sz="1000" b="0" i="0" u="none" strike="noStrike" cap="none" normalizeH="0" baseline="0" dirty="0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 </a:t>
            </a:r>
            <a:r>
              <a:rPr kumimoji="0" lang="da-DK" altLang="da-DK" sz="1000" b="0" i="0" u="none" strike="noStrike" cap="none" normalizeH="0" baseline="0" dirty="0" err="1">
                <a:ln>
                  <a:noFill/>
                </a:ln>
                <a:solidFill>
                  <a:srgbClr val="222222"/>
                </a:solidFill>
                <a:effectLst/>
                <a:latin typeface="+mn-lt"/>
                <a:cs typeface="Arial" panose="020B0604020202020204" pitchFamily="34" charset="0"/>
              </a:rPr>
              <a:t>devices</a:t>
            </a: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altLang="da-DK" sz="1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 txBox="1">
            <a:spLocks/>
          </p:cNvSpPr>
          <p:nvPr/>
        </p:nvSpPr>
        <p:spPr bwMode="auto">
          <a:xfrm>
            <a:off x="985838" y="1124744"/>
            <a:ext cx="4628703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2800" b="1" kern="0" dirty="0" err="1"/>
              <a:t>Protection</a:t>
            </a:r>
            <a:r>
              <a:rPr lang="da-DK" sz="2800" b="1" kern="0" dirty="0"/>
              <a:t> rings</a:t>
            </a:r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  <a:p>
            <a:endParaRPr lang="da-DK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83320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ELOW RING 0</a:t>
            </a:r>
            <a:endParaRPr lang="en-GB" dirty="0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r>
              <a:rPr lang="da-DK" sz="2800" b="1" dirty="0" err="1"/>
              <a:t>Protection</a:t>
            </a:r>
            <a:r>
              <a:rPr lang="da-DK" sz="2800" b="1" dirty="0"/>
              <a:t> rings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1026" name="Picture 2" descr="Image result for operating system rings">
            <a:extLst>
              <a:ext uri="{FF2B5EF4-FFF2-40B4-BE49-F238E27FC236}">
                <a16:creationId xmlns:a16="http://schemas.microsoft.com/office/drawing/2014/main" id="{8137AB71-A7D6-489C-BA00-59DE5C2FC9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988" y="1878910"/>
            <a:ext cx="2857500" cy="2057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05980" y="4365104"/>
            <a:ext cx="2371287" cy="195242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2D00A4A-9740-4910-9BAF-DFB4750BEE6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82644" y="5333572"/>
            <a:ext cx="2534108" cy="142543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34372" y="1072860"/>
            <a:ext cx="5870090" cy="3147814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036815" y="4312806"/>
            <a:ext cx="554461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blogs.mentor.com/embedded/blog/2016/10/13/enabling-security-across-the-iiot-trust-from-the-bottom-up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84700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ELOW RING 0</a:t>
            </a:r>
            <a:endParaRPr lang="en-GB" dirty="0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r>
              <a:rPr lang="da-DK" sz="2800" b="1" dirty="0" err="1"/>
              <a:t>Protection</a:t>
            </a:r>
            <a:r>
              <a:rPr lang="da-DK" sz="2800" b="1" dirty="0"/>
              <a:t> rings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1026" name="Picture 2" descr="Image result for operating system rings">
            <a:extLst>
              <a:ext uri="{FF2B5EF4-FFF2-40B4-BE49-F238E27FC236}">
                <a16:creationId xmlns:a16="http://schemas.microsoft.com/office/drawing/2014/main" id="{8137AB71-A7D6-489C-BA00-59DE5C2FC9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988" y="1878910"/>
            <a:ext cx="2857500" cy="2057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age result for operating system rings hypervisor">
            <a:extLst>
              <a:ext uri="{FF2B5EF4-FFF2-40B4-BE49-F238E27FC236}">
                <a16:creationId xmlns:a16="http://schemas.microsoft.com/office/drawing/2014/main" id="{D5FFA9CE-E0B8-4954-A555-78F92D36E12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598468" y="1405518"/>
            <a:ext cx="3582830" cy="3706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05980" y="4365104"/>
            <a:ext cx="2371287" cy="195242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2D00A4A-9740-4910-9BAF-DFB4750BEE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82644" y="5333572"/>
            <a:ext cx="2534108" cy="142543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96869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2.5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2.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5.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3.7|16.6|40.6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4.6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1.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57.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1.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2.5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9.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5.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7.1|13.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2.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53</Words>
  <Application>Microsoft Office PowerPoint</Application>
  <PresentationFormat>Custom</PresentationFormat>
  <Paragraphs>237</Paragraphs>
  <Slides>3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9</vt:i4>
      </vt:variant>
    </vt:vector>
  </HeadingPairs>
  <TitlesOfParts>
    <vt:vector size="48" baseType="lpstr">
      <vt:lpstr>Calibri</vt:lpstr>
      <vt:lpstr>AU Passata</vt:lpstr>
      <vt:lpstr>Georgia</vt:lpstr>
      <vt:lpstr>AU Passata Light</vt:lpstr>
      <vt:lpstr>Courier New</vt:lpstr>
      <vt:lpstr>AU Peto</vt:lpstr>
      <vt:lpstr>Wingdings 3</vt:lpstr>
      <vt:lpstr>Arial</vt:lpstr>
      <vt:lpstr>AU 16:9</vt:lpstr>
      <vt:lpstr>Kobayashi maru RESULTS</vt:lpstr>
      <vt:lpstr>(u)Sikre  operativ systemer</vt:lpstr>
      <vt:lpstr>(U)Sikre Operativ systemer</vt:lpstr>
      <vt:lpstr>(U)Sikre Operativ systemer</vt:lpstr>
      <vt:lpstr>Reference monitor</vt:lpstr>
      <vt:lpstr>Reference monitor</vt:lpstr>
      <vt:lpstr>Beskyttelses lag (ringe)</vt:lpstr>
      <vt:lpstr>BELOW RING 0</vt:lpstr>
      <vt:lpstr>BELOW RING 0</vt:lpstr>
      <vt:lpstr>BELOW RING 0</vt:lpstr>
      <vt:lpstr>ESCApING THE SANDBOX</vt:lpstr>
      <vt:lpstr>ESCApING THE SANDBOX</vt:lpstr>
      <vt:lpstr>ESCApING THE SANDBOX</vt:lpstr>
      <vt:lpstr>ESCApING THE CONTAINER</vt:lpstr>
      <vt:lpstr>ESCApING THE CONTAINER</vt:lpstr>
      <vt:lpstr>ESCApING THE CONTAINER</vt:lpstr>
      <vt:lpstr>ESCApING THE CONTAINER</vt:lpstr>
      <vt:lpstr>ESCApING THE CONTAINER</vt:lpstr>
      <vt:lpstr>ESCApING THE CONTAINER</vt:lpstr>
      <vt:lpstr>ESCApING THE CONTAINER</vt:lpstr>
      <vt:lpstr>ESCApING THE CONTAINER</vt:lpstr>
      <vt:lpstr>ESCApING THE CONTAINER</vt:lpstr>
      <vt:lpstr>ESCApING THE CONTAINER</vt:lpstr>
      <vt:lpstr>Rootkits</vt:lpstr>
      <vt:lpstr>Kits against kits</vt:lpstr>
      <vt:lpstr>Blue PILL / red pill </vt:lpstr>
      <vt:lpstr>Blue PILL / red pill </vt:lpstr>
      <vt:lpstr>BootkitS – ESCAPING SECURE BOOT etc</vt:lpstr>
      <vt:lpstr>HARDWARE backdoors</vt:lpstr>
      <vt:lpstr>HARDWARE backdoors</vt:lpstr>
      <vt:lpstr>HARDWARE backdoors</vt:lpstr>
      <vt:lpstr>HARDWARE INTERDICTION</vt:lpstr>
      <vt:lpstr>Warshipping</vt:lpstr>
      <vt:lpstr>NSA backdoors</vt:lpstr>
      <vt:lpstr>NSA backdoors</vt:lpstr>
      <vt:lpstr>Backdoor JOKES</vt:lpstr>
      <vt:lpstr>WIN OS ØVELSE</vt:lpstr>
      <vt:lpstr>WIN OS ØVELS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11-04T14:18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